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75" d="100"/>
          <a:sy n="75" d="100"/>
        </p:scale>
        <p:origin x="1968" y="43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9-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9-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tichtsevec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symbool&#10;&#10;Automatisch gegenereerde beschrijving">
            <a:extLst>
              <a:ext uri="{FF2B5EF4-FFF2-40B4-BE49-F238E27FC236}">
                <a16:creationId xmlns:a16="http://schemas.microsoft.com/office/drawing/2014/main" id="{6D8F4C97-56B9-AB80-E5B9-AC461F186B5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7370" y="4278535"/>
            <a:ext cx="1774493" cy="234587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ymbool&#10;&#10;Automatisch gegenereerde beschrijving">
            <a:extLst>
              <a:ext uri="{FF2B5EF4-FFF2-40B4-BE49-F238E27FC236}">
                <a16:creationId xmlns:a16="http://schemas.microsoft.com/office/drawing/2014/main" id="{6C367033-5642-E6C2-DF48-BDD9DB47AC4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93220" y="3712021"/>
            <a:ext cx="1231043" cy="162743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1-29T10:38:01Z</dcterms:modified>
</cp:coreProperties>
</file>